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530"/>
  <workbookPr filterPrivacy="1"/>
  <xr:revisionPtr revIDLastSave="0" documentId="8_{1B48E625-941D-4F4F-B8CB-84F3FA20075A}" xr6:coauthVersionLast="47" xr6:coauthVersionMax="47" xr10:uidLastSave="{00000000-0000-0000-0000-000000000000}"/>
  <bookViews>
    <workbookView xWindow="-120" yWindow="-120" windowWidth="38640" windowHeight="21120" activeTab="1" xr2:uid="{00000000-000D-0000-FFFF-FFFF00000000}"/>
  </bookViews>
  <sheets>
    <sheet name="Naslovnica" sheetId="2" r:id="rId1"/>
    <sheet name="Prozori za ravni krov (PU)" sheetId="1" r:id="rId2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14" uniqueCount="61">
  <si>
    <t>Redni broj</t>
  </si>
  <si>
    <t>Opis stavke</t>
  </si>
  <si>
    <t>Jedinica mjere</t>
  </si>
  <si>
    <t>Potrebne mjere provjeriti na licu mjesta. Ugradnju izvršiti prema uputstvima proizvođača.</t>
  </si>
  <si>
    <t>VELUX rješenja</t>
  </si>
  <si>
    <r>
      <t xml:space="preserve">Obzirom da je krovne prozore moguće ugraditi pojedinačno ili grupno na različite vrste pokrova i s različitim modelima vanjskih i unutarnjih sjenila, </t>
    </r>
    <r>
      <rPr>
        <b/>
        <sz val="10"/>
        <color theme="1"/>
        <rFont val="VELUX Transform Office"/>
      </rPr>
      <t>u opisima su navedene gotovo sve mogućnosti, pa ono što vam nije potrebno - izbrišite.</t>
    </r>
    <r>
      <rPr>
        <sz val="10"/>
        <color theme="1"/>
        <rFont val="VELUX Transform Office"/>
      </rPr>
      <t xml:space="preserve"> </t>
    </r>
  </si>
  <si>
    <t>Opisi sjenila dodani su iza opisa prozora.</t>
  </si>
  <si>
    <t>Ukoliko zatrebate stavke troškovnika za specijalne proizvode, utoliko Vas molimo da nas kontaktirate.</t>
  </si>
  <si>
    <t xml:space="preserve">Molimo vas da izbrišete opcije označene crveno koje vam nisu potrebne! </t>
  </si>
  <si>
    <t xml:space="preserve">Prije izvođenja konstrukcije treba provjeriti upute za ugradnju proizvođača sustava za ravni krov s kupolom.	</t>
  </si>
  <si>
    <r>
      <t>U nastavku se nalaze opisi pojedinih VELUX rješenja (</t>
    </r>
    <r>
      <rPr>
        <b/>
        <sz val="10"/>
        <color theme="1"/>
        <rFont val="VELUX Transform Office"/>
      </rPr>
      <t>druga stranica u ovoj datoteci</t>
    </r>
    <r>
      <rPr>
        <sz val="10"/>
        <color theme="1"/>
        <rFont val="VELUX Transform Office"/>
      </rPr>
      <t>).</t>
    </r>
  </si>
  <si>
    <t>kom.</t>
  </si>
  <si>
    <t>1 kom.</t>
  </si>
  <si>
    <t>CFU ( 0020Q ) Prozor za ravni krov sa 2-strukim staklom, fiksni</t>
  </si>
  <si>
    <r>
      <t xml:space="preserve">Dobava i ugradnja prozora za ravni krov </t>
    </r>
    <r>
      <rPr>
        <sz val="10"/>
        <color rgb="FFFF0000"/>
        <rFont val="VELUX Transform Office"/>
      </rPr>
      <t>s ravnim staklom / sa zakrivljenim staklom</t>
    </r>
    <r>
      <rPr>
        <sz val="10"/>
        <color theme="1"/>
        <rFont val="VELUX Transform Office"/>
        <family val="2"/>
      </rPr>
      <t xml:space="preserve">,  dim. ---/--- cm, drvena jezgra obložena poliuretanom, završni sloj je poliuretanski bijeli lak,  visine 15 cm, ostakljen 2-strukim sigurnosnim staklom, protuprovalno. Zaštićeno </t>
    </r>
    <r>
      <rPr>
        <sz val="10"/>
        <color rgb="FFFF0000"/>
        <rFont val="VELUX Transform Office"/>
      </rPr>
      <t>s ravnim staklom / sa zakrivljenim staklom</t>
    </r>
    <r>
      <rPr>
        <sz val="10"/>
        <color theme="1"/>
        <rFont val="VELUX Transform Office"/>
        <family val="2"/>
      </rPr>
      <t>. Prozor je fiksni, bez mogućnosti otvaranja (poput VELUX modela CFU). Toplinska izolacija: za prozor s ravnim staklom (ISU 2093) Urc,ref300 = 0,75 W/m2K; za prozor sa zakrivljenim staklom (ISU 1093) Urc,ref300 = 0,65 W/m2K.</t>
    </r>
  </si>
  <si>
    <t xml:space="preserve">Dodatna oprema: 	</t>
  </si>
  <si>
    <t>a</t>
  </si>
  <si>
    <t>Produžetak okvira s prirubnicom, visine 16 cm (kao VELUX ZCU 0015)</t>
  </si>
  <si>
    <t>b</t>
  </si>
  <si>
    <t>Dodatni produžetak okvira, visine 16 cm (kao VELUX ZCU 1015), X (max. 3)</t>
  </si>
  <si>
    <t>c</t>
  </si>
  <si>
    <t>Set za osiguravanje pokrovnog materijala (kao VELUX ZZZ 210U)</t>
  </si>
  <si>
    <t>d</t>
  </si>
  <si>
    <t>Parna brana (kao VELUX BBX)</t>
  </si>
  <si>
    <t>e</t>
  </si>
  <si>
    <t>Obloga (kao VELUX LSF)</t>
  </si>
  <si>
    <t>f</t>
  </si>
  <si>
    <t>Rolo za zamračenje (kao VELUX DSU)</t>
  </si>
  <si>
    <t>g</t>
  </si>
  <si>
    <t>Vanjska tenda (kao VELUX MSU)</t>
  </si>
  <si>
    <t>h</t>
  </si>
  <si>
    <t>Komarnik (kao VELUX ZIU)</t>
  </si>
  <si>
    <t>CFU ( 0025Q ) Prozor za ravni krov sa 3-strukim staklom, fiksni</t>
  </si>
  <si>
    <r>
      <t xml:space="preserve">Dobava i ugradnja prozora za ravni krov </t>
    </r>
    <r>
      <rPr>
        <sz val="10"/>
        <color rgb="FFFF0000"/>
        <rFont val="VELUX Transform Office"/>
      </rPr>
      <t>s ravnim staklom / sa zakrivljenim staklom</t>
    </r>
    <r>
      <rPr>
        <sz val="10"/>
        <color theme="1"/>
        <rFont val="VELUX Transform Office"/>
        <family val="2"/>
      </rPr>
      <t>,   dim. ---/--- cm, drvena jezgra obložena poliuretanom, završni sloj je poliuretanski bijeli lak,  visine 15 cm, ostakljen 3-strukim sigurnosnim staklom, protuprovalno. Zaštićeno</t>
    </r>
    <r>
      <rPr>
        <sz val="10"/>
        <color rgb="FFFF0000"/>
        <rFont val="VELUX Transform Office"/>
      </rPr>
      <t xml:space="preserve"> s ravnim staklom / sa zakrivljenim staklom</t>
    </r>
    <r>
      <rPr>
        <sz val="10"/>
        <color theme="1"/>
        <rFont val="VELUX Transform Office"/>
        <family val="2"/>
      </rPr>
      <t>. Prozor je fiksni, bez mogućnosti otvaranja (poput VELUX modela CFU). Toplinska izolacija: za prozor s ravnim staklom (ISU 2093) Urc,ref300 = 0,60 W/m2K; za prozor sa zakrivljenim staklom (ISU 1093) Urc,ref300 = 0,55 W/m2K.</t>
    </r>
  </si>
  <si>
    <t xml:space="preserve">Dodatna oprema: </t>
  </si>
  <si>
    <t>Dodatni produžetak okvira, visine 16 cm (kao VELUX ZCU), X (max. 3)</t>
  </si>
  <si>
    <t>CVU ( 0220QA ) Prozor za ravni krov sa 2-strukim staklom, otklopni, električni</t>
  </si>
  <si>
    <r>
      <t xml:space="preserve">Dobava i ugradnja prozora za ravni krov </t>
    </r>
    <r>
      <rPr>
        <sz val="10"/>
        <color rgb="FFFF0000"/>
        <rFont val="VELUX Transform Office"/>
      </rPr>
      <t>s ravnim staklom / sa zakrivljenim staklom</t>
    </r>
    <r>
      <rPr>
        <sz val="10"/>
        <color theme="1"/>
        <rFont val="VELUX Transform Office"/>
        <family val="2"/>
      </rPr>
      <t xml:space="preserve">,   dim. ---/--- cm, drvena jezgra obložena poliuretanom, završni sloj je poliuretanski bijeli lak,  visine 15 cm, ostakljen 2-strukim sigurnosnim staklom, protuprovalno. Zaštićeno </t>
    </r>
    <r>
      <rPr>
        <sz val="10"/>
        <color rgb="FFFF0000"/>
        <rFont val="VELUX Transform Office"/>
      </rPr>
      <t>s ravnim staklom / sa zakrivljenim staklom</t>
    </r>
    <r>
      <rPr>
        <sz val="10"/>
        <color theme="1"/>
        <rFont val="VELUX Transform Office"/>
        <family val="2"/>
      </rPr>
      <t>. Prozor je otklopni, elektrificirani (sva električna oprema za upravljanje uključena u proizvod). Upravlja se putem bežičnog zidnog prekidača (radio frekvencija). Uključen senzor za kišu (poput VELUX modela CVU). Priključak na 220 V. Toplinska izolacija: za prozor s ravnim staklom (ISU 2093) Urc,ref300 = 0,75 W/m2K; za prozor sa zakrivljenim staklom (ISU 1093) Urc,ref300 = 0,65 W/m2K.</t>
    </r>
  </si>
  <si>
    <t>CVU ( 0225QA ) Prozor za ravni krov sa 3-strukim staklom, otklopni, električni</t>
  </si>
  <si>
    <r>
      <t xml:space="preserve">Dobava i ugradnja prozora za ravni krov </t>
    </r>
    <r>
      <rPr>
        <sz val="10"/>
        <color rgb="FFFF0000"/>
        <rFont val="VELUX Transform Office"/>
      </rPr>
      <t>s ravnim staklom / sa zakrivljenim staklom</t>
    </r>
    <r>
      <rPr>
        <sz val="10"/>
        <color theme="1"/>
        <rFont val="VELUX Transform Office"/>
        <family val="2"/>
      </rPr>
      <t xml:space="preserve"> ,   dim. ---/--- cm, drvena jezgra obložena poliuretanom, završni sloj je poliuretanski bijeli lak,  visine 15 cm, ostakljen 3-strukim sigurnosnim staklom, protuprovalno. Zaštićeno </t>
    </r>
    <r>
      <rPr>
        <sz val="10"/>
        <color rgb="FFFF0000"/>
        <rFont val="VELUX Transform Office"/>
      </rPr>
      <t>s ravnim staklom / sa zakrivljenim staklom</t>
    </r>
    <r>
      <rPr>
        <sz val="10"/>
        <color theme="1"/>
        <rFont val="VELUX Transform Office"/>
        <family val="2"/>
      </rPr>
      <t>. Prozor je otklopni, elektrificirani (sva električna oprema za upravljanje uključena u proizvod). Upravlja se putem bežičnog zidnog prekidača (radio frekvencija). Uključen senzor za kišu (poput VELUX modela CVU). Priključak na 220 V. Toplinska izolacija: za prozor s ravnim staklom (ISU 2093) Urc,ref300 = 0,60 W/m2K; za prozor sa zakrivljenim staklom (ISU 1093) Urc,ref300 = 0,55 W/m2K.</t>
    </r>
  </si>
  <si>
    <t>CVU ( 0320QA ) Prozor za ravni krov sa 2-strukim staklom, otklopni, solarni</t>
  </si>
  <si>
    <r>
      <t>Dobava i ugradnja prozora za ravni krov</t>
    </r>
    <r>
      <rPr>
        <sz val="10"/>
        <color rgb="FFFF0000"/>
        <rFont val="VELUX Transform Office"/>
      </rPr>
      <t xml:space="preserve"> s ravnim staklom / sa zakrivljenim staklom</t>
    </r>
    <r>
      <rPr>
        <sz val="10"/>
        <color theme="1"/>
        <rFont val="VELUX Transform Office"/>
        <family val="2"/>
      </rPr>
      <t xml:space="preserve">,   dim. ---/--- cm, drvena jezgra obložena poliuretanom, završni sloj je poliuretanski bijeli lak,  visine 15 cm, ostakljen 2-strukim sigurnosnim staklom, protuprovalno. Zaštićeno </t>
    </r>
    <r>
      <rPr>
        <sz val="10"/>
        <color rgb="FFFF0000"/>
        <rFont val="VELUX Transform Office"/>
      </rPr>
      <t>s ravnim staklom / sa zakrivljenim staklom</t>
    </r>
    <r>
      <rPr>
        <sz val="10"/>
        <color theme="1"/>
        <rFont val="VELUX Transform Office"/>
        <family val="2"/>
      </rPr>
      <t>. Prozor je otklopni, elektrificirani (sva solarna oprema za upravljanje uključena u proizvod). Upravlja se putem bežičnog zidnog prekidača (radio frekvencija). Uključen senzor za kišu (poput VELUX modela CVU). Priključak na 220 V. Toplinska izolacija: za prozor s ravnim staklom (ISU 2093) Urc,ref300 = 0,75 W/m2K; za prozor sa zakrivljenim staklom (ISU 1093) Urc,ref300 = 0,65 W/m2K.</t>
    </r>
  </si>
  <si>
    <t>CVU ( 0325QA ) Prozor za ravni krov sa 3-strukim staklom, otklopni, solarni</t>
  </si>
  <si>
    <r>
      <t xml:space="preserve">Dobava i ugradnja prozora za ravni krov </t>
    </r>
    <r>
      <rPr>
        <sz val="10"/>
        <color rgb="FFFF0000"/>
        <rFont val="VELUX Transform Office"/>
      </rPr>
      <t>s ravnim staklom / sa zakrivljenim staklom</t>
    </r>
    <r>
      <rPr>
        <sz val="10"/>
        <color theme="1"/>
        <rFont val="VELUX Transform Office"/>
        <family val="2"/>
      </rPr>
      <t xml:space="preserve"> ,   dim. ---/--- cm, drvena jezgra obložena poliuretanom, završni sloj je poliuretanski bijeli lak,  visine 15 cm, ostakljen 3-strukim sigurnosnim staklom, protuprovalno. Zaštićeno</t>
    </r>
    <r>
      <rPr>
        <sz val="10"/>
        <color rgb="FFFF0000"/>
        <rFont val="VELUX Transform Office"/>
      </rPr>
      <t xml:space="preserve"> s ravnim staklom / sa zakrivljenim staklom</t>
    </r>
    <r>
      <rPr>
        <sz val="10"/>
        <color theme="1"/>
        <rFont val="VELUX Transform Office"/>
        <family val="2"/>
      </rPr>
      <t>. Prozor je otklopni, elektrificirani (sva solarna oprema za upravljanje uključena u proizvod). Upravlja se putem bežičnog zidnog prekidača (radio frekvencija). Uključen senzor za kišu (poput VELUX modela CVU). Priključak na 220 V. Toplinska izolacija: za prozor s ravnim staklom (ISU 2093) Urc,ref300 = 0,60 W/m2K; za prozor sa zakrivljenim staklom (ISU 1093) Urc,ref300 = 0,55 W/m2K.</t>
    </r>
  </si>
  <si>
    <t>Dodatna oprema</t>
  </si>
  <si>
    <t>ZCU (0015) Produžetak okvira s prirubnicom</t>
  </si>
  <si>
    <t>Dobava i ugradnja produžetka okvira s prirubnicom za prozor za ravni krov, dim. ---/--- cm, profili izrađeni od PVC-a, ispunjeni polistirenom, kao VELUX ZCU. Produžetak okvira s prirubnicom povećava visinu ugradnje za 16 cm.</t>
  </si>
  <si>
    <t>ZCU (1015) Dodatni produžetak okvira</t>
  </si>
  <si>
    <t>Dobava i ugradnja dodatnog produžetka okvira za prozor za ravni krov, dim. ---/--- cm, profili izrađeni od PVC-a, ispunjeni polistirenom, kao VELUX ZCU. Dodatni produžetak okvira povećava visinu ugradnje za 16 cm, mogu se koristiti najviše 3 dodatna produžetka okvira, postavljaju se na produžetak okvira s prirubnicom.</t>
  </si>
  <si>
    <t>ZZZ 210U Set za osiguravanje pokrovnog materijala</t>
  </si>
  <si>
    <t>Dobava i ugradnja seta za pričvršćivanje pokrovnog materijala za prozor za ravni krov, dim. ---/--- cm, sive boje, kao VELUX ZZZ 210U. Služi za mehaničko povezivanje i uspostavljanje sigurnog spoja između okvira i pokrovnog materijala za dodatnu nepropusnost. Set se sastoji od 4 metalnih profila i vijaka.</t>
  </si>
  <si>
    <t>BBX Parna brana</t>
  </si>
  <si>
    <t>Dobava i ugradnja parne brane za izolaciju prozorskog okna, dim. ---/--- cm, kao VELUX BBX. Služi za spajanje s parnom branom krovišta (za krovne konstrukcije debljine do 530 mm).</t>
  </si>
  <si>
    <t>LSF Obloga</t>
  </si>
  <si>
    <t xml:space="preserve">Dobava i ugradnja obloge za prozore za ravni krov, dim. ---/--- cm, maks. visine 70 cm, bijele boje, kao VELUX LSF. Uključuje PVC panele, parnu branu (BBX) i lajsne. </t>
  </si>
  <si>
    <t>MSU (5070) Sjenilo za zasjenjenje</t>
  </si>
  <si>
    <t>Daljinsko upravljanje s unaprijed uparenim zidnim prekidačem, solarno napajanje, bijele boje, za zasjenjenje prostora i zaštitu od vrućine, kao VELUX MSU. Može se kombinirati s komarnikom.</t>
  </si>
  <si>
    <t>DSU (4550) Sjenilo za zamračenje</t>
  </si>
  <si>
    <t>Daljinsko upravljanje s unaprijed uparenim zidnim prekidačem, solarno napajanje, bijele boje, za zamračenje prostora i zaštitu od vrućine, kao VELUX DSU. Može se kombinirati s komarnikom</t>
  </si>
  <si>
    <t>ZIU (0000) Komarnik</t>
  </si>
  <si>
    <t>Fiksni, jednostavno uklanjanje, izdržljiva transparentna mreža, otporna na vjetar, dolazi u bijelom okviru, kao VELUX ZIU. Može se kombinirati sa sjenilom za zasjenjenje ili zamračenje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2" x14ac:knownFonts="1">
    <font>
      <sz val="11"/>
      <color theme="1"/>
      <name val="Aptos Narrow"/>
      <family val="2"/>
      <scheme val="minor"/>
    </font>
    <font>
      <b/>
      <sz val="11"/>
      <color theme="1"/>
      <name val="VELUX Transform Office"/>
    </font>
    <font>
      <sz val="10"/>
      <color theme="1"/>
      <name val="VELUX Transform Office"/>
    </font>
    <font>
      <sz val="10"/>
      <color theme="1"/>
      <name val="VELUX Transform Office"/>
      <family val="2"/>
    </font>
    <font>
      <b/>
      <sz val="12"/>
      <color theme="1"/>
      <name val="VELUX Transform Office"/>
    </font>
    <font>
      <sz val="10"/>
      <color theme="1"/>
      <name val="Verdana"/>
      <family val="2"/>
    </font>
    <font>
      <b/>
      <sz val="10"/>
      <color theme="1"/>
      <name val="VELUX Transform Office"/>
    </font>
    <font>
      <sz val="10"/>
      <color rgb="FF000000"/>
      <name val="Verdana"/>
      <family val="2"/>
    </font>
    <font>
      <sz val="11"/>
      <color rgb="FFFF0000"/>
      <name val="Verdana"/>
      <family val="2"/>
    </font>
    <font>
      <i/>
      <u/>
      <sz val="12"/>
      <color rgb="FFFF0000"/>
      <name val="VELUX Transform Office"/>
    </font>
    <font>
      <sz val="10"/>
      <color rgb="FFFF0000"/>
      <name val="VELUX Transform Office"/>
    </font>
    <font>
      <sz val="11"/>
      <color theme="1"/>
      <name val="VELUX Transform Office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8">
    <xf numFmtId="0" fontId="0" fillId="0" borderId="0" xfId="0"/>
    <xf numFmtId="0" fontId="3" fillId="0" borderId="0" xfId="0" applyFont="1" applyAlignment="1">
      <alignment horizontal="right"/>
    </xf>
    <xf numFmtId="0" fontId="3" fillId="0" borderId="0" xfId="0" applyFont="1"/>
    <xf numFmtId="0" fontId="3" fillId="0" borderId="0" xfId="0" applyFont="1" applyAlignment="1">
      <alignment vertical="top" wrapText="1"/>
    </xf>
    <xf numFmtId="0" fontId="1" fillId="0" borderId="0" xfId="0" applyFont="1"/>
    <xf numFmtId="0" fontId="3" fillId="0" borderId="0" xfId="0" applyFont="1" applyAlignment="1">
      <alignment wrapText="1"/>
    </xf>
    <xf numFmtId="0" fontId="4" fillId="0" borderId="0" xfId="0" applyFont="1"/>
    <xf numFmtId="0" fontId="2" fillId="0" borderId="0" xfId="0" applyFont="1" applyAlignment="1">
      <alignment vertical="center"/>
    </xf>
    <xf numFmtId="0" fontId="5" fillId="0" borderId="0" xfId="0" applyFont="1" applyAlignment="1">
      <alignment vertical="center"/>
    </xf>
    <xf numFmtId="0" fontId="2" fillId="0" borderId="0" xfId="0" applyFont="1" applyAlignment="1">
      <alignment vertical="center" wrapText="1"/>
    </xf>
    <xf numFmtId="0" fontId="7" fillId="0" borderId="0" xfId="0" applyFont="1" applyAlignment="1">
      <alignment vertical="center"/>
    </xf>
    <xf numFmtId="0" fontId="8" fillId="0" borderId="0" xfId="0" applyFont="1" applyAlignment="1">
      <alignment vertical="center"/>
    </xf>
    <xf numFmtId="0" fontId="9" fillId="0" borderId="0" xfId="0" applyFont="1" applyAlignment="1">
      <alignment vertical="center"/>
    </xf>
    <xf numFmtId="0" fontId="1" fillId="0" borderId="0" xfId="0" applyFont="1" applyAlignment="1">
      <alignment vertical="center"/>
    </xf>
    <xf numFmtId="0" fontId="11" fillId="0" borderId="0" xfId="0" applyFont="1"/>
    <xf numFmtId="0" fontId="2" fillId="0" borderId="0" xfId="0" applyFont="1" applyAlignment="1">
      <alignment vertical="top" wrapText="1"/>
    </xf>
    <xf numFmtId="0" fontId="6" fillId="0" borderId="0" xfId="0" applyFont="1" applyAlignment="1">
      <alignment horizontal="right"/>
    </xf>
    <xf numFmtId="0" fontId="1" fillId="0" borderId="0" xfId="0" applyFont="1" applyAlignment="1">
      <alignment horizontal="right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5726FB9-F434-40F1-B960-A148F6D815BE}">
  <dimension ref="A1:A12"/>
  <sheetViews>
    <sheetView workbookViewId="0">
      <selection activeCell="B13" sqref="B13"/>
    </sheetView>
  </sheetViews>
  <sheetFormatPr defaultRowHeight="15" x14ac:dyDescent="0.25"/>
  <cols>
    <col min="1" max="1" width="78.140625" customWidth="1"/>
  </cols>
  <sheetData>
    <row r="1" spans="1:1" ht="18.75" x14ac:dyDescent="0.35">
      <c r="A1" s="6" t="s">
        <v>4</v>
      </c>
    </row>
    <row r="3" spans="1:1" x14ac:dyDescent="0.25">
      <c r="A3" s="7" t="s">
        <v>10</v>
      </c>
    </row>
    <row r="4" spans="1:1" x14ac:dyDescent="0.25">
      <c r="A4" s="8"/>
    </row>
    <row r="5" spans="1:1" ht="42.75" x14ac:dyDescent="0.25">
      <c r="A5" s="9" t="s">
        <v>5</v>
      </c>
    </row>
    <row r="6" spans="1:1" x14ac:dyDescent="0.25">
      <c r="A6" s="7" t="s">
        <v>6</v>
      </c>
    </row>
    <row r="7" spans="1:1" x14ac:dyDescent="0.25">
      <c r="A7" s="10"/>
    </row>
    <row r="8" spans="1:1" ht="28.5" x14ac:dyDescent="0.25">
      <c r="A8" s="9" t="s">
        <v>7</v>
      </c>
    </row>
    <row r="9" spans="1:1" x14ac:dyDescent="0.25">
      <c r="A9" s="11"/>
    </row>
    <row r="10" spans="1:1" ht="18.75" x14ac:dyDescent="0.25">
      <c r="A10" s="12" t="s">
        <v>8</v>
      </c>
    </row>
    <row r="12" spans="1:1" ht="28.5" x14ac:dyDescent="0.25">
      <c r="A12" s="5" t="s">
        <v>9</v>
      </c>
    </row>
  </sheetData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C109"/>
  <sheetViews>
    <sheetView tabSelected="1" workbookViewId="0">
      <selection activeCell="E21" sqref="E21"/>
    </sheetView>
  </sheetViews>
  <sheetFormatPr defaultRowHeight="15" x14ac:dyDescent="0.25"/>
  <cols>
    <col min="1" max="1" width="11.7109375" bestFit="1" customWidth="1"/>
    <col min="2" max="2" width="88.42578125" bestFit="1" customWidth="1"/>
    <col min="3" max="3" width="15.85546875" bestFit="1" customWidth="1"/>
  </cols>
  <sheetData>
    <row r="1" spans="1:3" ht="18" x14ac:dyDescent="0.35">
      <c r="A1" t="s">
        <v>0</v>
      </c>
      <c r="B1" t="s">
        <v>1</v>
      </c>
      <c r="C1" s="14" t="s">
        <v>2</v>
      </c>
    </row>
    <row r="2" spans="1:3" ht="18" x14ac:dyDescent="0.35">
      <c r="A2" s="4">
        <v>1</v>
      </c>
      <c r="B2" s="4" t="s">
        <v>13</v>
      </c>
    </row>
    <row r="3" spans="1:3" ht="85.5" x14ac:dyDescent="0.25">
      <c r="B3" s="3" t="s">
        <v>14</v>
      </c>
      <c r="C3" s="1" t="s">
        <v>11</v>
      </c>
    </row>
    <row r="4" spans="1:3" x14ac:dyDescent="0.25">
      <c r="B4" s="3"/>
      <c r="C4" s="1"/>
    </row>
    <row r="5" spans="1:3" x14ac:dyDescent="0.25">
      <c r="B5" s="2" t="s">
        <v>15</v>
      </c>
    </row>
    <row r="6" spans="1:3" x14ac:dyDescent="0.25">
      <c r="A6" s="16" t="s">
        <v>16</v>
      </c>
      <c r="B6" s="2" t="s">
        <v>17</v>
      </c>
      <c r="C6" s="1" t="s">
        <v>12</v>
      </c>
    </row>
    <row r="7" spans="1:3" x14ac:dyDescent="0.25">
      <c r="A7" s="16" t="s">
        <v>18</v>
      </c>
      <c r="B7" s="2" t="s">
        <v>19</v>
      </c>
      <c r="C7" s="1" t="s">
        <v>11</v>
      </c>
    </row>
    <row r="8" spans="1:3" x14ac:dyDescent="0.25">
      <c r="A8" s="16" t="s">
        <v>20</v>
      </c>
      <c r="B8" s="2" t="s">
        <v>21</v>
      </c>
      <c r="C8" s="1" t="s">
        <v>11</v>
      </c>
    </row>
    <row r="9" spans="1:3" x14ac:dyDescent="0.25">
      <c r="A9" s="16" t="s">
        <v>22</v>
      </c>
      <c r="B9" s="2" t="s">
        <v>23</v>
      </c>
      <c r="C9" s="1" t="s">
        <v>11</v>
      </c>
    </row>
    <row r="10" spans="1:3" x14ac:dyDescent="0.25">
      <c r="A10" s="16" t="s">
        <v>24</v>
      </c>
      <c r="B10" s="2" t="s">
        <v>25</v>
      </c>
      <c r="C10" s="1" t="s">
        <v>11</v>
      </c>
    </row>
    <row r="11" spans="1:3" x14ac:dyDescent="0.25">
      <c r="A11" s="16" t="s">
        <v>26</v>
      </c>
      <c r="B11" s="2" t="s">
        <v>27</v>
      </c>
      <c r="C11" s="1" t="s">
        <v>11</v>
      </c>
    </row>
    <row r="12" spans="1:3" x14ac:dyDescent="0.25">
      <c r="A12" s="16" t="s">
        <v>28</v>
      </c>
      <c r="B12" s="2" t="s">
        <v>29</v>
      </c>
      <c r="C12" s="1" t="s">
        <v>11</v>
      </c>
    </row>
    <row r="13" spans="1:3" x14ac:dyDescent="0.25">
      <c r="A13" s="16" t="s">
        <v>30</v>
      </c>
      <c r="B13" s="2" t="s">
        <v>31</v>
      </c>
      <c r="C13" s="1" t="s">
        <v>11</v>
      </c>
    </row>
    <row r="14" spans="1:3" x14ac:dyDescent="0.25">
      <c r="B14" s="2"/>
    </row>
    <row r="15" spans="1:3" ht="18" x14ac:dyDescent="0.35">
      <c r="A15" s="4">
        <v>2</v>
      </c>
      <c r="B15" s="4" t="s">
        <v>32</v>
      </c>
    </row>
    <row r="16" spans="1:3" ht="85.5" x14ac:dyDescent="0.25">
      <c r="B16" s="3" t="s">
        <v>33</v>
      </c>
      <c r="C16" s="1" t="s">
        <v>11</v>
      </c>
    </row>
    <row r="17" spans="1:3" x14ac:dyDescent="0.25">
      <c r="B17" s="3"/>
      <c r="C17" s="1"/>
    </row>
    <row r="18" spans="1:3" x14ac:dyDescent="0.25">
      <c r="B18" s="2" t="s">
        <v>34</v>
      </c>
    </row>
    <row r="19" spans="1:3" x14ac:dyDescent="0.25">
      <c r="A19" s="16" t="s">
        <v>16</v>
      </c>
      <c r="B19" s="2" t="s">
        <v>17</v>
      </c>
      <c r="C19" s="1" t="s">
        <v>12</v>
      </c>
    </row>
    <row r="20" spans="1:3" x14ac:dyDescent="0.25">
      <c r="A20" s="16" t="s">
        <v>18</v>
      </c>
      <c r="B20" s="2" t="s">
        <v>35</v>
      </c>
      <c r="C20" s="1" t="s">
        <v>11</v>
      </c>
    </row>
    <row r="21" spans="1:3" x14ac:dyDescent="0.25">
      <c r="A21" s="16" t="s">
        <v>20</v>
      </c>
      <c r="B21" s="2" t="s">
        <v>21</v>
      </c>
      <c r="C21" s="1" t="s">
        <v>11</v>
      </c>
    </row>
    <row r="22" spans="1:3" x14ac:dyDescent="0.25">
      <c r="A22" s="16" t="s">
        <v>22</v>
      </c>
      <c r="B22" s="2" t="s">
        <v>23</v>
      </c>
      <c r="C22" s="1" t="s">
        <v>11</v>
      </c>
    </row>
    <row r="23" spans="1:3" x14ac:dyDescent="0.25">
      <c r="A23" s="16" t="s">
        <v>24</v>
      </c>
      <c r="B23" s="2" t="s">
        <v>25</v>
      </c>
      <c r="C23" s="1" t="s">
        <v>11</v>
      </c>
    </row>
    <row r="24" spans="1:3" x14ac:dyDescent="0.25">
      <c r="A24" s="16" t="s">
        <v>26</v>
      </c>
      <c r="B24" s="2" t="s">
        <v>27</v>
      </c>
      <c r="C24" s="1" t="s">
        <v>11</v>
      </c>
    </row>
    <row r="25" spans="1:3" x14ac:dyDescent="0.25">
      <c r="A25" s="16" t="s">
        <v>28</v>
      </c>
      <c r="B25" s="2" t="s">
        <v>29</v>
      </c>
      <c r="C25" s="1" t="s">
        <v>11</v>
      </c>
    </row>
    <row r="26" spans="1:3" x14ac:dyDescent="0.25">
      <c r="A26" s="16" t="s">
        <v>30</v>
      </c>
      <c r="B26" s="2" t="s">
        <v>31</v>
      </c>
      <c r="C26" s="1" t="s">
        <v>11</v>
      </c>
    </row>
    <row r="28" spans="1:3" ht="18" x14ac:dyDescent="0.35">
      <c r="A28" s="4">
        <v>3</v>
      </c>
      <c r="B28" s="13" t="s">
        <v>36</v>
      </c>
    </row>
    <row r="29" spans="1:3" ht="114" x14ac:dyDescent="0.25">
      <c r="B29" s="3" t="s">
        <v>37</v>
      </c>
      <c r="C29" s="1" t="s">
        <v>11</v>
      </c>
    </row>
    <row r="30" spans="1:3" x14ac:dyDescent="0.25">
      <c r="B30" s="3"/>
      <c r="C30" s="1"/>
    </row>
    <row r="31" spans="1:3" x14ac:dyDescent="0.25">
      <c r="B31" s="2" t="s">
        <v>15</v>
      </c>
    </row>
    <row r="32" spans="1:3" x14ac:dyDescent="0.25">
      <c r="A32" s="16" t="s">
        <v>16</v>
      </c>
      <c r="B32" s="2" t="s">
        <v>17</v>
      </c>
      <c r="C32" s="1" t="s">
        <v>12</v>
      </c>
    </row>
    <row r="33" spans="1:3" x14ac:dyDescent="0.25">
      <c r="A33" s="16" t="s">
        <v>18</v>
      </c>
      <c r="B33" s="2" t="s">
        <v>35</v>
      </c>
      <c r="C33" s="1" t="s">
        <v>11</v>
      </c>
    </row>
    <row r="34" spans="1:3" x14ac:dyDescent="0.25">
      <c r="A34" s="16" t="s">
        <v>20</v>
      </c>
      <c r="B34" s="2" t="s">
        <v>21</v>
      </c>
      <c r="C34" s="1" t="s">
        <v>11</v>
      </c>
    </row>
    <row r="35" spans="1:3" x14ac:dyDescent="0.25">
      <c r="A35" s="16" t="s">
        <v>22</v>
      </c>
      <c r="B35" s="2" t="s">
        <v>23</v>
      </c>
      <c r="C35" s="1" t="s">
        <v>11</v>
      </c>
    </row>
    <row r="36" spans="1:3" x14ac:dyDescent="0.25">
      <c r="A36" s="16" t="s">
        <v>24</v>
      </c>
      <c r="B36" s="2" t="s">
        <v>25</v>
      </c>
      <c r="C36" s="1" t="s">
        <v>11</v>
      </c>
    </row>
    <row r="37" spans="1:3" x14ac:dyDescent="0.25">
      <c r="A37" s="16" t="s">
        <v>26</v>
      </c>
      <c r="B37" s="2" t="s">
        <v>27</v>
      </c>
      <c r="C37" s="1" t="s">
        <v>11</v>
      </c>
    </row>
    <row r="38" spans="1:3" x14ac:dyDescent="0.25">
      <c r="A38" s="16" t="s">
        <v>28</v>
      </c>
      <c r="B38" s="2" t="s">
        <v>29</v>
      </c>
      <c r="C38" s="1" t="s">
        <v>11</v>
      </c>
    </row>
    <row r="39" spans="1:3" x14ac:dyDescent="0.25">
      <c r="A39" s="16" t="s">
        <v>30</v>
      </c>
      <c r="B39" s="2" t="s">
        <v>31</v>
      </c>
      <c r="C39" s="1" t="s">
        <v>11</v>
      </c>
    </row>
    <row r="41" spans="1:3" ht="18" x14ac:dyDescent="0.35">
      <c r="A41" s="4">
        <v>4</v>
      </c>
      <c r="B41" s="4" t="s">
        <v>38</v>
      </c>
    </row>
    <row r="42" spans="1:3" ht="114" x14ac:dyDescent="0.25">
      <c r="B42" s="3" t="s">
        <v>39</v>
      </c>
      <c r="C42" s="1" t="s">
        <v>11</v>
      </c>
    </row>
    <row r="43" spans="1:3" x14ac:dyDescent="0.25">
      <c r="B43" s="3"/>
      <c r="C43" s="1"/>
    </row>
    <row r="44" spans="1:3" x14ac:dyDescent="0.25">
      <c r="B44" s="2" t="s">
        <v>15</v>
      </c>
    </row>
    <row r="45" spans="1:3" x14ac:dyDescent="0.25">
      <c r="A45" s="16" t="s">
        <v>16</v>
      </c>
      <c r="B45" s="2" t="s">
        <v>17</v>
      </c>
      <c r="C45" s="1" t="s">
        <v>12</v>
      </c>
    </row>
    <row r="46" spans="1:3" x14ac:dyDescent="0.25">
      <c r="A46" s="16" t="s">
        <v>18</v>
      </c>
      <c r="B46" s="2" t="s">
        <v>35</v>
      </c>
      <c r="C46" s="1" t="s">
        <v>11</v>
      </c>
    </row>
    <row r="47" spans="1:3" x14ac:dyDescent="0.25">
      <c r="A47" s="16" t="s">
        <v>20</v>
      </c>
      <c r="B47" s="2" t="s">
        <v>21</v>
      </c>
      <c r="C47" s="1" t="s">
        <v>11</v>
      </c>
    </row>
    <row r="48" spans="1:3" x14ac:dyDescent="0.25">
      <c r="A48" s="16" t="s">
        <v>22</v>
      </c>
      <c r="B48" s="2" t="s">
        <v>23</v>
      </c>
      <c r="C48" s="1" t="s">
        <v>11</v>
      </c>
    </row>
    <row r="49" spans="1:3" x14ac:dyDescent="0.25">
      <c r="A49" s="16" t="s">
        <v>24</v>
      </c>
      <c r="B49" s="2" t="s">
        <v>25</v>
      </c>
      <c r="C49" s="1" t="s">
        <v>11</v>
      </c>
    </row>
    <row r="50" spans="1:3" x14ac:dyDescent="0.25">
      <c r="A50" s="16" t="s">
        <v>26</v>
      </c>
      <c r="B50" s="2" t="s">
        <v>27</v>
      </c>
      <c r="C50" s="1" t="s">
        <v>11</v>
      </c>
    </row>
    <row r="51" spans="1:3" x14ac:dyDescent="0.25">
      <c r="A51" s="16" t="s">
        <v>28</v>
      </c>
      <c r="B51" s="2" t="s">
        <v>29</v>
      </c>
      <c r="C51" s="1" t="s">
        <v>11</v>
      </c>
    </row>
    <row r="52" spans="1:3" x14ac:dyDescent="0.25">
      <c r="A52" s="16" t="s">
        <v>30</v>
      </c>
      <c r="B52" s="2" t="s">
        <v>31</v>
      </c>
      <c r="C52" s="1" t="s">
        <v>11</v>
      </c>
    </row>
    <row r="53" spans="1:3" x14ac:dyDescent="0.25">
      <c r="A53" s="16"/>
      <c r="B53" s="2"/>
      <c r="C53" s="1"/>
    </row>
    <row r="54" spans="1:3" ht="18" x14ac:dyDescent="0.35">
      <c r="A54" s="17">
        <v>5</v>
      </c>
      <c r="B54" s="13" t="s">
        <v>40</v>
      </c>
      <c r="C54" s="1"/>
    </row>
    <row r="55" spans="1:3" ht="114" x14ac:dyDescent="0.25">
      <c r="A55" s="16"/>
      <c r="B55" s="3" t="s">
        <v>41</v>
      </c>
      <c r="C55" s="1"/>
    </row>
    <row r="56" spans="1:3" x14ac:dyDescent="0.25">
      <c r="A56" s="16"/>
      <c r="B56" s="3"/>
      <c r="C56" s="1"/>
    </row>
    <row r="57" spans="1:3" x14ac:dyDescent="0.25">
      <c r="B57" s="2" t="s">
        <v>15</v>
      </c>
    </row>
    <row r="58" spans="1:3" x14ac:dyDescent="0.25">
      <c r="A58" s="16" t="s">
        <v>16</v>
      </c>
      <c r="B58" s="2" t="s">
        <v>17</v>
      </c>
      <c r="C58" s="1" t="s">
        <v>12</v>
      </c>
    </row>
    <row r="59" spans="1:3" x14ac:dyDescent="0.25">
      <c r="A59" s="16" t="s">
        <v>18</v>
      </c>
      <c r="B59" s="2" t="s">
        <v>35</v>
      </c>
      <c r="C59" s="1" t="s">
        <v>11</v>
      </c>
    </row>
    <row r="60" spans="1:3" x14ac:dyDescent="0.25">
      <c r="A60" s="16" t="s">
        <v>20</v>
      </c>
      <c r="B60" s="2" t="s">
        <v>21</v>
      </c>
      <c r="C60" s="1" t="s">
        <v>11</v>
      </c>
    </row>
    <row r="61" spans="1:3" x14ac:dyDescent="0.25">
      <c r="A61" s="16" t="s">
        <v>22</v>
      </c>
      <c r="B61" s="2" t="s">
        <v>23</v>
      </c>
      <c r="C61" s="1" t="s">
        <v>11</v>
      </c>
    </row>
    <row r="62" spans="1:3" x14ac:dyDescent="0.25">
      <c r="A62" s="16" t="s">
        <v>24</v>
      </c>
      <c r="B62" s="2" t="s">
        <v>25</v>
      </c>
      <c r="C62" s="1" t="s">
        <v>11</v>
      </c>
    </row>
    <row r="63" spans="1:3" x14ac:dyDescent="0.25">
      <c r="A63" s="16" t="s">
        <v>26</v>
      </c>
      <c r="B63" s="2" t="s">
        <v>27</v>
      </c>
      <c r="C63" s="1" t="s">
        <v>11</v>
      </c>
    </row>
    <row r="64" spans="1:3" x14ac:dyDescent="0.25">
      <c r="A64" s="16" t="s">
        <v>28</v>
      </c>
      <c r="B64" s="2" t="s">
        <v>29</v>
      </c>
      <c r="C64" s="1" t="s">
        <v>11</v>
      </c>
    </row>
    <row r="65" spans="1:3" x14ac:dyDescent="0.25">
      <c r="A65" s="16" t="s">
        <v>30</v>
      </c>
      <c r="B65" s="2" t="s">
        <v>31</v>
      </c>
      <c r="C65" s="1" t="s">
        <v>11</v>
      </c>
    </row>
    <row r="66" spans="1:3" x14ac:dyDescent="0.25">
      <c r="A66" s="16"/>
      <c r="B66" s="2"/>
      <c r="C66" s="1"/>
    </row>
    <row r="67" spans="1:3" ht="18" x14ac:dyDescent="0.35">
      <c r="A67" s="17">
        <v>6</v>
      </c>
      <c r="B67" s="4" t="s">
        <v>42</v>
      </c>
      <c r="C67" s="1"/>
    </row>
    <row r="68" spans="1:3" ht="114" x14ac:dyDescent="0.25">
      <c r="A68" s="16"/>
      <c r="B68" s="3" t="s">
        <v>43</v>
      </c>
      <c r="C68" s="1"/>
    </row>
    <row r="69" spans="1:3" x14ac:dyDescent="0.25">
      <c r="A69" s="16"/>
      <c r="B69" s="3"/>
      <c r="C69" s="1"/>
    </row>
    <row r="70" spans="1:3" x14ac:dyDescent="0.25">
      <c r="B70" s="2" t="s">
        <v>15</v>
      </c>
    </row>
    <row r="71" spans="1:3" x14ac:dyDescent="0.25">
      <c r="A71" s="16" t="s">
        <v>16</v>
      </c>
      <c r="B71" s="2" t="s">
        <v>17</v>
      </c>
      <c r="C71" s="1" t="s">
        <v>12</v>
      </c>
    </row>
    <row r="72" spans="1:3" x14ac:dyDescent="0.25">
      <c r="A72" s="16" t="s">
        <v>18</v>
      </c>
      <c r="B72" s="2" t="s">
        <v>35</v>
      </c>
      <c r="C72" s="1" t="s">
        <v>11</v>
      </c>
    </row>
    <row r="73" spans="1:3" x14ac:dyDescent="0.25">
      <c r="A73" s="16" t="s">
        <v>20</v>
      </c>
      <c r="B73" s="2" t="s">
        <v>21</v>
      </c>
      <c r="C73" s="1" t="s">
        <v>11</v>
      </c>
    </row>
    <row r="74" spans="1:3" x14ac:dyDescent="0.25">
      <c r="A74" s="16" t="s">
        <v>22</v>
      </c>
      <c r="B74" s="2" t="s">
        <v>23</v>
      </c>
      <c r="C74" s="1" t="s">
        <v>11</v>
      </c>
    </row>
    <row r="75" spans="1:3" x14ac:dyDescent="0.25">
      <c r="A75" s="16" t="s">
        <v>24</v>
      </c>
      <c r="B75" s="2" t="s">
        <v>25</v>
      </c>
      <c r="C75" s="1" t="s">
        <v>11</v>
      </c>
    </row>
    <row r="76" spans="1:3" x14ac:dyDescent="0.25">
      <c r="A76" s="16" t="s">
        <v>26</v>
      </c>
      <c r="B76" s="2" t="s">
        <v>27</v>
      </c>
      <c r="C76" s="1" t="s">
        <v>11</v>
      </c>
    </row>
    <row r="77" spans="1:3" x14ac:dyDescent="0.25">
      <c r="A77" s="16" t="s">
        <v>28</v>
      </c>
      <c r="B77" s="2" t="s">
        <v>29</v>
      </c>
      <c r="C77" s="1" t="s">
        <v>11</v>
      </c>
    </row>
    <row r="78" spans="1:3" x14ac:dyDescent="0.25">
      <c r="A78" s="16" t="s">
        <v>30</v>
      </c>
      <c r="B78" s="2" t="s">
        <v>31</v>
      </c>
      <c r="C78" s="1" t="s">
        <v>11</v>
      </c>
    </row>
    <row r="79" spans="1:3" x14ac:dyDescent="0.25">
      <c r="A79" s="16"/>
      <c r="C79" s="1"/>
    </row>
    <row r="80" spans="1:3" x14ac:dyDescent="0.25">
      <c r="A80" s="16"/>
      <c r="B80" s="2"/>
      <c r="C80" s="1"/>
    </row>
    <row r="81" spans="1:3" ht="18" x14ac:dyDescent="0.35">
      <c r="B81" s="4" t="s">
        <v>44</v>
      </c>
    </row>
    <row r="82" spans="1:3" ht="18" x14ac:dyDescent="0.35">
      <c r="A82" s="17" t="s">
        <v>16</v>
      </c>
      <c r="B82" s="4" t="s">
        <v>45</v>
      </c>
    </row>
    <row r="83" spans="1:3" ht="42.75" x14ac:dyDescent="0.25">
      <c r="B83" s="3" t="s">
        <v>46</v>
      </c>
      <c r="C83" s="1" t="s">
        <v>11</v>
      </c>
    </row>
    <row r="84" spans="1:3" x14ac:dyDescent="0.25">
      <c r="B84" s="7" t="s">
        <v>3</v>
      </c>
    </row>
    <row r="86" spans="1:3" ht="18" x14ac:dyDescent="0.35">
      <c r="A86" s="17" t="s">
        <v>18</v>
      </c>
      <c r="B86" s="4" t="s">
        <v>47</v>
      </c>
    </row>
    <row r="87" spans="1:3" ht="57" x14ac:dyDescent="0.25">
      <c r="B87" s="3" t="s">
        <v>48</v>
      </c>
      <c r="C87" s="1" t="s">
        <v>11</v>
      </c>
    </row>
    <row r="88" spans="1:3" x14ac:dyDescent="0.25">
      <c r="B88" s="2" t="s">
        <v>3</v>
      </c>
    </row>
    <row r="90" spans="1:3" ht="18" x14ac:dyDescent="0.35">
      <c r="A90" s="17" t="s">
        <v>20</v>
      </c>
      <c r="B90" s="4" t="s">
        <v>49</v>
      </c>
    </row>
    <row r="91" spans="1:3" ht="57" x14ac:dyDescent="0.25">
      <c r="B91" s="3" t="s">
        <v>50</v>
      </c>
      <c r="C91" s="1" t="s">
        <v>11</v>
      </c>
    </row>
    <row r="92" spans="1:3" x14ac:dyDescent="0.25">
      <c r="B92" s="2" t="s">
        <v>3</v>
      </c>
    </row>
    <row r="93" spans="1:3" x14ac:dyDescent="0.25">
      <c r="B93" s="2"/>
    </row>
    <row r="94" spans="1:3" ht="18" x14ac:dyDescent="0.35">
      <c r="A94" s="17" t="s">
        <v>22</v>
      </c>
      <c r="B94" s="4" t="s">
        <v>51</v>
      </c>
    </row>
    <row r="95" spans="1:3" ht="28.5" x14ac:dyDescent="0.25">
      <c r="B95" s="3" t="s">
        <v>52</v>
      </c>
      <c r="C95" s="1" t="s">
        <v>11</v>
      </c>
    </row>
    <row r="96" spans="1:3" x14ac:dyDescent="0.25">
      <c r="B96" s="2" t="s">
        <v>3</v>
      </c>
    </row>
    <row r="97" spans="1:3" x14ac:dyDescent="0.25">
      <c r="B97" s="2"/>
    </row>
    <row r="98" spans="1:3" ht="18" x14ac:dyDescent="0.35">
      <c r="A98" s="17" t="s">
        <v>24</v>
      </c>
      <c r="B98" s="4" t="s">
        <v>53</v>
      </c>
    </row>
    <row r="99" spans="1:3" ht="28.5" x14ac:dyDescent="0.35">
      <c r="A99" s="17"/>
      <c r="B99" s="15" t="s">
        <v>54</v>
      </c>
      <c r="C99" s="1" t="s">
        <v>11</v>
      </c>
    </row>
    <row r="100" spans="1:3" ht="18" x14ac:dyDescent="0.35">
      <c r="A100" s="17"/>
      <c r="B100" s="2" t="s">
        <v>3</v>
      </c>
    </row>
    <row r="101" spans="1:3" x14ac:dyDescent="0.25">
      <c r="B101" s="2"/>
    </row>
    <row r="102" spans="1:3" ht="18" x14ac:dyDescent="0.35">
      <c r="A102" s="17" t="s">
        <v>26</v>
      </c>
      <c r="B102" s="4" t="s">
        <v>55</v>
      </c>
    </row>
    <row r="103" spans="1:3" ht="28.5" x14ac:dyDescent="0.25">
      <c r="B103" s="3" t="s">
        <v>56</v>
      </c>
      <c r="C103" s="1" t="s">
        <v>11</v>
      </c>
    </row>
    <row r="105" spans="1:3" ht="18" x14ac:dyDescent="0.35">
      <c r="A105" s="17" t="s">
        <v>28</v>
      </c>
      <c r="B105" s="13" t="s">
        <v>57</v>
      </c>
    </row>
    <row r="106" spans="1:3" ht="28.5" x14ac:dyDescent="0.25">
      <c r="B106" s="3" t="s">
        <v>58</v>
      </c>
      <c r="C106" s="1" t="s">
        <v>11</v>
      </c>
    </row>
    <row r="108" spans="1:3" ht="18" x14ac:dyDescent="0.35">
      <c r="A108" s="17" t="s">
        <v>30</v>
      </c>
      <c r="B108" s="4" t="s">
        <v>59</v>
      </c>
    </row>
    <row r="109" spans="1:3" ht="28.5" x14ac:dyDescent="0.25">
      <c r="B109" s="3" t="s">
        <v>60</v>
      </c>
      <c r="C109" s="1" t="s">
        <v>11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CD96FD2-7B7C-4E67-A138-CA8458020614}">
  <ds:schemaRefs/>
</ds:datastoreItem>
</file>

<file path=customXml/itemProps2.xml><?xml version="1.0" encoding="utf-8"?>
<ds:datastoreItem xmlns:ds="http://schemas.openxmlformats.org/officeDocument/2006/customXml" ds:itemID="{65743304-81BF-4E29-8A77-AC4BCD2A8B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Naslovnica</vt:lpstr>
      <vt:lpstr>Prozori za ravni krov (PU)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6-03-02T07:00:20Z</dcterms:created>
  <dcterms:modified xsi:type="dcterms:W3CDTF">2026-03-04T13:20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lux</vt:lpwstr>
  </property>
  <property fmtid="{D5CDD505-2E9C-101B-9397-08002B2CF9AE}" pid="3" name="TemplafyTemplateId">
    <vt:lpwstr>1104021679173009413</vt:lpwstr>
  </property>
  <property fmtid="{D5CDD505-2E9C-101B-9397-08002B2CF9AE}" pid="4" name="TemplafyUserProfileId">
    <vt:lpwstr>1238976345832685580</vt:lpwstr>
  </property>
  <property fmtid="{D5CDD505-2E9C-101B-9397-08002B2CF9AE}" pid="5" name="TemplafyLanguageCode">
    <vt:lpwstr>hr-HR</vt:lpwstr>
  </property>
  <property fmtid="{D5CDD505-2E9C-101B-9397-08002B2CF9AE}" pid="6" name="TemplafyFromBlank">
    <vt:bool>true</vt:bool>
  </property>
</Properties>
</file>